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6"/>
  </p:notesMasterIdLst>
  <p:sldIdLst>
    <p:sldId id="258" r:id="rId2"/>
    <p:sldId id="256" r:id="rId3"/>
    <p:sldId id="257" r:id="rId4"/>
    <p:sldId id="259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D0538D6-6934-4281-AA91-B7D95ACD5616}" v="35" dt="2024-06-24T06:20:55.41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1" d="100"/>
          <a:sy n="81" d="100"/>
        </p:scale>
        <p:origin x="725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12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microsoft.com/office/2016/11/relationships/changesInfo" Target="changesInfos/changesInfo1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amujjal Kalita" userId="89cceb3b-6d71-4615-8ad8-999de0c35733" providerId="ADAL" clId="{4D0538D6-6934-4281-AA91-B7D95ACD5616}"/>
    <pc:docChg chg="undo redo custSel addSld delSld modSld sldOrd">
      <pc:chgData name="Samujjal Kalita" userId="89cceb3b-6d71-4615-8ad8-999de0c35733" providerId="ADAL" clId="{4D0538D6-6934-4281-AA91-B7D95ACD5616}" dt="2024-06-24T06:26:00.046" v="983" actId="20577"/>
      <pc:docMkLst>
        <pc:docMk/>
      </pc:docMkLst>
      <pc:sldChg chg="addSp delSp modSp new mod">
        <pc:chgData name="Samujjal Kalita" userId="89cceb3b-6d71-4615-8ad8-999de0c35733" providerId="ADAL" clId="{4D0538D6-6934-4281-AA91-B7D95ACD5616}" dt="2024-06-24T05:37:54.414" v="693" actId="21"/>
        <pc:sldMkLst>
          <pc:docMk/>
          <pc:sldMk cId="2456184468" sldId="256"/>
        </pc:sldMkLst>
        <pc:spChg chg="del">
          <ac:chgData name="Samujjal Kalita" userId="89cceb3b-6d71-4615-8ad8-999de0c35733" providerId="ADAL" clId="{4D0538D6-6934-4281-AA91-B7D95ACD5616}" dt="2024-06-24T03:53:56.762" v="1" actId="478"/>
          <ac:spMkLst>
            <pc:docMk/>
            <pc:sldMk cId="2456184468" sldId="256"/>
            <ac:spMk id="2" creationId="{369D7A95-49AC-55B5-FF03-772144BA0698}"/>
          </ac:spMkLst>
        </pc:spChg>
        <pc:spChg chg="del">
          <ac:chgData name="Samujjal Kalita" userId="89cceb3b-6d71-4615-8ad8-999de0c35733" providerId="ADAL" clId="{4D0538D6-6934-4281-AA91-B7D95ACD5616}" dt="2024-06-24T03:53:56.762" v="1" actId="478"/>
          <ac:spMkLst>
            <pc:docMk/>
            <pc:sldMk cId="2456184468" sldId="256"/>
            <ac:spMk id="3" creationId="{576EB171-69E7-6B1E-FC68-77BB57EA9FEA}"/>
          </ac:spMkLst>
        </pc:spChg>
        <pc:spChg chg="add mod">
          <ac:chgData name="Samujjal Kalita" userId="89cceb3b-6d71-4615-8ad8-999de0c35733" providerId="ADAL" clId="{4D0538D6-6934-4281-AA91-B7D95ACD5616}" dt="2024-06-24T05:23:41.291" v="187" actId="1076"/>
          <ac:spMkLst>
            <pc:docMk/>
            <pc:sldMk cId="2456184468" sldId="256"/>
            <ac:spMk id="13" creationId="{A7F166E3-3706-C715-EDA3-B751D459C7BD}"/>
          </ac:spMkLst>
        </pc:spChg>
        <pc:spChg chg="add mod">
          <ac:chgData name="Samujjal Kalita" userId="89cceb3b-6d71-4615-8ad8-999de0c35733" providerId="ADAL" clId="{4D0538D6-6934-4281-AA91-B7D95ACD5616}" dt="2024-06-24T05:22:45.380" v="171" actId="115"/>
          <ac:spMkLst>
            <pc:docMk/>
            <pc:sldMk cId="2456184468" sldId="256"/>
            <ac:spMk id="14" creationId="{717F0DC9-AC78-B261-518F-DB5257A9840B}"/>
          </ac:spMkLst>
        </pc:spChg>
        <pc:spChg chg="add mod">
          <ac:chgData name="Samujjal Kalita" userId="89cceb3b-6d71-4615-8ad8-999de0c35733" providerId="ADAL" clId="{4D0538D6-6934-4281-AA91-B7D95ACD5616}" dt="2024-06-24T05:22:45.380" v="171" actId="115"/>
          <ac:spMkLst>
            <pc:docMk/>
            <pc:sldMk cId="2456184468" sldId="256"/>
            <ac:spMk id="15" creationId="{8270452F-FA59-56FE-9111-A1DAC4B11F91}"/>
          </ac:spMkLst>
        </pc:spChg>
        <pc:spChg chg="add del mod">
          <ac:chgData name="Samujjal Kalita" userId="89cceb3b-6d71-4615-8ad8-999de0c35733" providerId="ADAL" clId="{4D0538D6-6934-4281-AA91-B7D95ACD5616}" dt="2024-06-24T05:23:27.857" v="183" actId="21"/>
          <ac:spMkLst>
            <pc:docMk/>
            <pc:sldMk cId="2456184468" sldId="256"/>
            <ac:spMk id="17" creationId="{1463CB5F-85F2-F333-AFBD-2AB70D08EE48}"/>
          </ac:spMkLst>
        </pc:spChg>
        <pc:spChg chg="add mod">
          <ac:chgData name="Samujjal Kalita" userId="89cceb3b-6d71-4615-8ad8-999de0c35733" providerId="ADAL" clId="{4D0538D6-6934-4281-AA91-B7D95ACD5616}" dt="2024-06-24T05:28:35.198" v="651" actId="403"/>
          <ac:spMkLst>
            <pc:docMk/>
            <pc:sldMk cId="2456184468" sldId="256"/>
            <ac:spMk id="18" creationId="{998AC763-ECEA-DC75-6E4D-A74F9184DC22}"/>
          </ac:spMkLst>
        </pc:spChg>
        <pc:picChg chg="add mod">
          <ac:chgData name="Samujjal Kalita" userId="89cceb3b-6d71-4615-8ad8-999de0c35733" providerId="ADAL" clId="{4D0538D6-6934-4281-AA91-B7D95ACD5616}" dt="2024-06-24T05:18:50.998" v="49" actId="1076"/>
          <ac:picMkLst>
            <pc:docMk/>
            <pc:sldMk cId="2456184468" sldId="256"/>
            <ac:picMk id="5" creationId="{391FAFE9-8244-20C7-B93A-5AE6C7774266}"/>
          </ac:picMkLst>
        </pc:picChg>
        <pc:picChg chg="add mod">
          <ac:chgData name="Samujjal Kalita" userId="89cceb3b-6d71-4615-8ad8-999de0c35733" providerId="ADAL" clId="{4D0538D6-6934-4281-AA91-B7D95ACD5616}" dt="2024-06-24T05:18:50.998" v="49" actId="1076"/>
          <ac:picMkLst>
            <pc:docMk/>
            <pc:sldMk cId="2456184468" sldId="256"/>
            <ac:picMk id="7" creationId="{966CC344-914E-FEAE-8252-EC8831411B97}"/>
          </ac:picMkLst>
        </pc:picChg>
        <pc:picChg chg="add del mod">
          <ac:chgData name="Samujjal Kalita" userId="89cceb3b-6d71-4615-8ad8-999de0c35733" providerId="ADAL" clId="{4D0538D6-6934-4281-AA91-B7D95ACD5616}" dt="2024-06-24T04:01:23.636" v="15" actId="21"/>
          <ac:picMkLst>
            <pc:docMk/>
            <pc:sldMk cId="2456184468" sldId="256"/>
            <ac:picMk id="9" creationId="{E273B81D-A425-AB83-6A02-DB802D6964B3}"/>
          </ac:picMkLst>
        </pc:picChg>
        <pc:picChg chg="add del">
          <ac:chgData name="Samujjal Kalita" userId="89cceb3b-6d71-4615-8ad8-999de0c35733" providerId="ADAL" clId="{4D0538D6-6934-4281-AA91-B7D95ACD5616}" dt="2024-06-24T04:12:59.997" v="44" actId="478"/>
          <ac:picMkLst>
            <pc:docMk/>
            <pc:sldMk cId="2456184468" sldId="256"/>
            <ac:picMk id="11" creationId="{3D24CC7B-3A03-00F2-C9EB-CBD9ED348511}"/>
          </ac:picMkLst>
        </pc:picChg>
        <pc:picChg chg="add del mod">
          <ac:chgData name="Samujjal Kalita" userId="89cceb3b-6d71-4615-8ad8-999de0c35733" providerId="ADAL" clId="{4D0538D6-6934-4281-AA91-B7D95ACD5616}" dt="2024-06-24T05:23:07.664" v="177" actId="21"/>
          <ac:picMkLst>
            <pc:docMk/>
            <pc:sldMk cId="2456184468" sldId="256"/>
            <ac:picMk id="16" creationId="{6FF6C4DD-DB4F-D13D-4181-B16526D6F58E}"/>
          </ac:picMkLst>
        </pc:picChg>
        <pc:picChg chg="add del mod">
          <ac:chgData name="Samujjal Kalita" userId="89cceb3b-6d71-4615-8ad8-999de0c35733" providerId="ADAL" clId="{4D0538D6-6934-4281-AA91-B7D95ACD5616}" dt="2024-06-24T05:37:54.414" v="693" actId="21"/>
          <ac:picMkLst>
            <pc:docMk/>
            <pc:sldMk cId="2456184468" sldId="256"/>
            <ac:picMk id="20" creationId="{DF43061B-4209-7672-BDEB-9FC2854ADAFC}"/>
          </ac:picMkLst>
        </pc:picChg>
      </pc:sldChg>
      <pc:sldChg chg="addSp delSp modSp new mod">
        <pc:chgData name="Samujjal Kalita" userId="89cceb3b-6d71-4615-8ad8-999de0c35733" providerId="ADAL" clId="{4D0538D6-6934-4281-AA91-B7D95ACD5616}" dt="2024-06-24T06:20:50.744" v="781" actId="21"/>
        <pc:sldMkLst>
          <pc:docMk/>
          <pc:sldMk cId="2404755363" sldId="257"/>
        </pc:sldMkLst>
        <pc:spChg chg="del">
          <ac:chgData name="Samujjal Kalita" userId="89cceb3b-6d71-4615-8ad8-999de0c35733" providerId="ADAL" clId="{4D0538D6-6934-4281-AA91-B7D95ACD5616}" dt="2024-06-24T04:01:30.505" v="17" actId="478"/>
          <ac:spMkLst>
            <pc:docMk/>
            <pc:sldMk cId="2404755363" sldId="257"/>
            <ac:spMk id="2" creationId="{973B324B-9B29-B96A-A192-55553FE98947}"/>
          </ac:spMkLst>
        </pc:spChg>
        <pc:spChg chg="del">
          <ac:chgData name="Samujjal Kalita" userId="89cceb3b-6d71-4615-8ad8-999de0c35733" providerId="ADAL" clId="{4D0538D6-6934-4281-AA91-B7D95ACD5616}" dt="2024-06-24T04:01:30.505" v="17" actId="478"/>
          <ac:spMkLst>
            <pc:docMk/>
            <pc:sldMk cId="2404755363" sldId="257"/>
            <ac:spMk id="3" creationId="{EC229AB4-96FA-F1EF-3389-DED7A5EB39CD}"/>
          </ac:spMkLst>
        </pc:spChg>
        <pc:spChg chg="add mod">
          <ac:chgData name="Samujjal Kalita" userId="89cceb3b-6d71-4615-8ad8-999de0c35733" providerId="ADAL" clId="{4D0538D6-6934-4281-AA91-B7D95ACD5616}" dt="2024-06-24T05:23:36.235" v="186" actId="1076"/>
          <ac:spMkLst>
            <pc:docMk/>
            <pc:sldMk cId="2404755363" sldId="257"/>
            <ac:spMk id="6" creationId="{49C7ADFE-282F-E132-6815-F20B71C23C68}"/>
          </ac:spMkLst>
        </pc:spChg>
        <pc:spChg chg="add del mod">
          <ac:chgData name="Samujjal Kalita" userId="89cceb3b-6d71-4615-8ad8-999de0c35733" providerId="ADAL" clId="{4D0538D6-6934-4281-AA91-B7D95ACD5616}" dt="2024-06-24T05:23:17.476" v="180" actId="21"/>
          <ac:spMkLst>
            <pc:docMk/>
            <pc:sldMk cId="2404755363" sldId="257"/>
            <ac:spMk id="7" creationId="{01420388-A0F5-F34B-DFB7-EBB339D3B462}"/>
          </ac:spMkLst>
        </pc:spChg>
        <pc:spChg chg="add mod">
          <ac:chgData name="Samujjal Kalita" userId="89cceb3b-6d71-4615-8ad8-999de0c35733" providerId="ADAL" clId="{4D0538D6-6934-4281-AA91-B7D95ACD5616}" dt="2024-06-24T05:23:28.908" v="184"/>
          <ac:spMkLst>
            <pc:docMk/>
            <pc:sldMk cId="2404755363" sldId="257"/>
            <ac:spMk id="9" creationId="{9C420090-8CD7-8BB6-4FAB-4BC26B1F96A6}"/>
          </ac:spMkLst>
        </pc:spChg>
        <pc:spChg chg="add mod">
          <ac:chgData name="Samujjal Kalita" userId="89cceb3b-6d71-4615-8ad8-999de0c35733" providerId="ADAL" clId="{4D0538D6-6934-4281-AA91-B7D95ACD5616}" dt="2024-06-24T05:28:46.978" v="683" actId="20577"/>
          <ac:spMkLst>
            <pc:docMk/>
            <pc:sldMk cId="2404755363" sldId="257"/>
            <ac:spMk id="10" creationId="{6473379D-5FB1-986A-C3C2-1B382A373101}"/>
          </ac:spMkLst>
        </pc:spChg>
        <pc:picChg chg="add del mod">
          <ac:chgData name="Samujjal Kalita" userId="89cceb3b-6d71-4615-8ad8-999de0c35733" providerId="ADAL" clId="{4D0538D6-6934-4281-AA91-B7D95ACD5616}" dt="2024-06-24T05:23:02.759" v="174" actId="21"/>
          <ac:picMkLst>
            <pc:docMk/>
            <pc:sldMk cId="2404755363" sldId="257"/>
            <ac:picMk id="4" creationId="{A287D1B4-1FC3-948F-4E0C-983447F9BEC8}"/>
          </ac:picMkLst>
        </pc:picChg>
        <pc:picChg chg="add mod ord">
          <ac:chgData name="Samujjal Kalita" userId="89cceb3b-6d71-4615-8ad8-999de0c35733" providerId="ADAL" clId="{4D0538D6-6934-4281-AA91-B7D95ACD5616}" dt="2024-06-24T05:23:12.623" v="179" actId="167"/>
          <ac:picMkLst>
            <pc:docMk/>
            <pc:sldMk cId="2404755363" sldId="257"/>
            <ac:picMk id="8" creationId="{147AB853-CDC6-272F-D1C0-036192960B51}"/>
          </ac:picMkLst>
        </pc:picChg>
        <pc:picChg chg="add del mod">
          <ac:chgData name="Samujjal Kalita" userId="89cceb3b-6d71-4615-8ad8-999de0c35733" providerId="ADAL" clId="{4D0538D6-6934-4281-AA91-B7D95ACD5616}" dt="2024-06-24T06:20:50.744" v="781" actId="21"/>
          <ac:picMkLst>
            <pc:docMk/>
            <pc:sldMk cId="2404755363" sldId="257"/>
            <ac:picMk id="11" creationId="{0FB2CD42-6EF2-1721-5841-7D4BBB5424B4}"/>
          </ac:picMkLst>
        </pc:picChg>
      </pc:sldChg>
      <pc:sldChg chg="modSp add mod ord">
        <pc:chgData name="Samujjal Kalita" userId="89cceb3b-6d71-4615-8ad8-999de0c35733" providerId="ADAL" clId="{4D0538D6-6934-4281-AA91-B7D95ACD5616}" dt="2024-06-24T06:26:00.046" v="983" actId="20577"/>
        <pc:sldMkLst>
          <pc:docMk/>
          <pc:sldMk cId="2330609252" sldId="258"/>
        </pc:sldMkLst>
        <pc:spChg chg="mod">
          <ac:chgData name="Samujjal Kalita" userId="89cceb3b-6d71-4615-8ad8-999de0c35733" providerId="ADAL" clId="{4D0538D6-6934-4281-AA91-B7D95ACD5616}" dt="2024-06-24T05:24:53.120" v="190"/>
          <ac:spMkLst>
            <pc:docMk/>
            <pc:sldMk cId="2330609252" sldId="258"/>
            <ac:spMk id="15" creationId="{36277CBE-5163-41B5-9631-3846921F74EC}"/>
          </ac:spMkLst>
        </pc:spChg>
        <pc:spChg chg="mod">
          <ac:chgData name="Samujjal Kalita" userId="89cceb3b-6d71-4615-8ad8-999de0c35733" providerId="ADAL" clId="{4D0538D6-6934-4281-AA91-B7D95ACD5616}" dt="2024-06-24T06:26:00.046" v="983" actId="20577"/>
          <ac:spMkLst>
            <pc:docMk/>
            <pc:sldMk cId="2330609252" sldId="258"/>
            <ac:spMk id="16" creationId="{6C88FF4A-0167-4B03-9939-7A3BA38B171E}"/>
          </ac:spMkLst>
        </pc:spChg>
        <pc:grpChg chg="mod">
          <ac:chgData name="Samujjal Kalita" userId="89cceb3b-6d71-4615-8ad8-999de0c35733" providerId="ADAL" clId="{4D0538D6-6934-4281-AA91-B7D95ACD5616}" dt="2024-06-24T05:24:53.128" v="197"/>
          <ac:grpSpMkLst>
            <pc:docMk/>
            <pc:sldMk cId="2330609252" sldId="258"/>
            <ac:grpSpMk id="18" creationId="{3DC78C40-F0A9-48D6-BCA9-B20B851E0EB1}"/>
          </ac:grpSpMkLst>
        </pc:grpChg>
        <pc:picChg chg="mod modCrop">
          <ac:chgData name="Samujjal Kalita" userId="89cceb3b-6d71-4615-8ad8-999de0c35733" providerId="ADAL" clId="{4D0538D6-6934-4281-AA91-B7D95ACD5616}" dt="2024-06-24T05:24:53.127" v="195"/>
          <ac:picMkLst>
            <pc:docMk/>
            <pc:sldMk cId="2330609252" sldId="258"/>
            <ac:picMk id="17" creationId="{F66B44B2-2F56-463E-88BA-28D00F6C74F7}"/>
          </ac:picMkLst>
        </pc:picChg>
      </pc:sldChg>
      <pc:sldChg chg="addSp delSp modSp new mod">
        <pc:chgData name="Samujjal Kalita" userId="89cceb3b-6d71-4615-8ad8-999de0c35733" providerId="ADAL" clId="{4D0538D6-6934-4281-AA91-B7D95ACD5616}" dt="2024-06-24T06:22:06.876" v="976" actId="20577"/>
        <pc:sldMkLst>
          <pc:docMk/>
          <pc:sldMk cId="1572985477" sldId="259"/>
        </pc:sldMkLst>
        <pc:spChg chg="del">
          <ac:chgData name="Samujjal Kalita" userId="89cceb3b-6d71-4615-8ad8-999de0c35733" providerId="ADAL" clId="{4D0538D6-6934-4281-AA91-B7D95ACD5616}" dt="2024-06-24T05:37:33.078" v="685" actId="478"/>
          <ac:spMkLst>
            <pc:docMk/>
            <pc:sldMk cId="1572985477" sldId="259"/>
            <ac:spMk id="2" creationId="{517BEE54-B7A5-A41C-2A8C-5581EE82BF5F}"/>
          </ac:spMkLst>
        </pc:spChg>
        <pc:spChg chg="del">
          <ac:chgData name="Samujjal Kalita" userId="89cceb3b-6d71-4615-8ad8-999de0c35733" providerId="ADAL" clId="{4D0538D6-6934-4281-AA91-B7D95ACD5616}" dt="2024-06-24T05:37:33.078" v="685" actId="478"/>
          <ac:spMkLst>
            <pc:docMk/>
            <pc:sldMk cId="1572985477" sldId="259"/>
            <ac:spMk id="3" creationId="{54C8336F-1FE8-74EE-377D-37CCF597386A}"/>
          </ac:spMkLst>
        </pc:spChg>
        <pc:spChg chg="add mod">
          <ac:chgData name="Samujjal Kalita" userId="89cceb3b-6d71-4615-8ad8-999de0c35733" providerId="ADAL" clId="{4D0538D6-6934-4281-AA91-B7D95ACD5616}" dt="2024-06-24T05:38:21.660" v="759" actId="20577"/>
          <ac:spMkLst>
            <pc:docMk/>
            <pc:sldMk cId="1572985477" sldId="259"/>
            <ac:spMk id="5" creationId="{A2F92835-44E1-A90A-7DB4-B4032A24C66D}"/>
          </ac:spMkLst>
        </pc:spChg>
        <pc:spChg chg="add del mod">
          <ac:chgData name="Samujjal Kalita" userId="89cceb3b-6d71-4615-8ad8-999de0c35733" providerId="ADAL" clId="{4D0538D6-6934-4281-AA91-B7D95ACD5616}" dt="2024-06-24T06:18:04.355" v="771"/>
          <ac:spMkLst>
            <pc:docMk/>
            <pc:sldMk cId="1572985477" sldId="259"/>
            <ac:spMk id="10" creationId="{CD15B682-AAC7-6FC3-F43C-B4602DDE36E8}"/>
          </ac:spMkLst>
        </pc:spChg>
        <pc:spChg chg="add del">
          <ac:chgData name="Samujjal Kalita" userId="89cceb3b-6d71-4615-8ad8-999de0c35733" providerId="ADAL" clId="{4D0538D6-6934-4281-AA91-B7D95ACD5616}" dt="2024-06-24T06:20:34.027" v="774" actId="22"/>
          <ac:spMkLst>
            <pc:docMk/>
            <pc:sldMk cId="1572985477" sldId="259"/>
            <ac:spMk id="12" creationId="{4C417ED1-6135-3687-8422-DBCCD31F8402}"/>
          </ac:spMkLst>
        </pc:spChg>
        <pc:spChg chg="add mod">
          <ac:chgData name="Samujjal Kalita" userId="89cceb3b-6d71-4615-8ad8-999de0c35733" providerId="ADAL" clId="{4D0538D6-6934-4281-AA91-B7D95ACD5616}" dt="2024-06-24T06:22:06.876" v="976" actId="20577"/>
          <ac:spMkLst>
            <pc:docMk/>
            <pc:sldMk cId="1572985477" sldId="259"/>
            <ac:spMk id="16" creationId="{DCC2B1BA-77BF-32DD-E1D7-A3F6FF323CCE}"/>
          </ac:spMkLst>
        </pc:spChg>
        <pc:picChg chg="add del mod">
          <ac:chgData name="Samujjal Kalita" userId="89cceb3b-6d71-4615-8ad8-999de0c35733" providerId="ADAL" clId="{4D0538D6-6934-4281-AA91-B7D95ACD5616}" dt="2024-06-24T06:06:01.624" v="760" actId="478"/>
          <ac:picMkLst>
            <pc:docMk/>
            <pc:sldMk cId="1572985477" sldId="259"/>
            <ac:picMk id="4" creationId="{67812DC1-DF37-8E52-6F4C-D3D505B8AA89}"/>
          </ac:picMkLst>
        </pc:picChg>
        <pc:picChg chg="add del mod">
          <ac:chgData name="Samujjal Kalita" userId="89cceb3b-6d71-4615-8ad8-999de0c35733" providerId="ADAL" clId="{4D0538D6-6934-4281-AA91-B7D95ACD5616}" dt="2024-06-24T06:16:04.797" v="765" actId="478"/>
          <ac:picMkLst>
            <pc:docMk/>
            <pc:sldMk cId="1572985477" sldId="259"/>
            <ac:picMk id="7" creationId="{27A922BD-6D73-A122-ECA5-E6673442633D}"/>
          </ac:picMkLst>
        </pc:picChg>
        <pc:picChg chg="add del mod">
          <ac:chgData name="Samujjal Kalita" userId="89cceb3b-6d71-4615-8ad8-999de0c35733" providerId="ADAL" clId="{4D0538D6-6934-4281-AA91-B7D95ACD5616}" dt="2024-06-24T06:20:32.825" v="772" actId="478"/>
          <ac:picMkLst>
            <pc:docMk/>
            <pc:sldMk cId="1572985477" sldId="259"/>
            <ac:picMk id="9" creationId="{BB318AC2-7921-ADC5-FE06-CB556887044A}"/>
          </ac:picMkLst>
        </pc:picChg>
        <pc:picChg chg="add del">
          <ac:chgData name="Samujjal Kalita" userId="89cceb3b-6d71-4615-8ad8-999de0c35733" providerId="ADAL" clId="{4D0538D6-6934-4281-AA91-B7D95ACD5616}" dt="2024-06-24T06:20:39.149" v="776" actId="21"/>
          <ac:picMkLst>
            <pc:docMk/>
            <pc:sldMk cId="1572985477" sldId="259"/>
            <ac:picMk id="14" creationId="{161E0355-4176-3061-8291-945DA913A0C3}"/>
          </ac:picMkLst>
        </pc:picChg>
        <pc:picChg chg="add mod">
          <ac:chgData name="Samujjal Kalita" userId="89cceb3b-6d71-4615-8ad8-999de0c35733" providerId="ADAL" clId="{4D0538D6-6934-4281-AA91-B7D95ACD5616}" dt="2024-06-24T06:20:58.125" v="784" actId="208"/>
          <ac:picMkLst>
            <pc:docMk/>
            <pc:sldMk cId="1572985477" sldId="259"/>
            <ac:picMk id="15" creationId="{A0085166-209F-88AA-1A0C-88E6F6465E82}"/>
          </ac:picMkLst>
        </pc:picChg>
      </pc:sldChg>
      <pc:sldChg chg="modSp add del">
        <pc:chgData name="Samujjal Kalita" userId="89cceb3b-6d71-4615-8ad8-999de0c35733" providerId="ADAL" clId="{4D0538D6-6934-4281-AA91-B7D95ACD5616}" dt="2024-06-24T05:38:03.490" v="703" actId="47"/>
        <pc:sldMkLst>
          <pc:docMk/>
          <pc:sldMk cId="2395929038" sldId="260"/>
        </pc:sldMkLst>
        <pc:spChg chg="mod">
          <ac:chgData name="Samujjal Kalita" userId="89cceb3b-6d71-4615-8ad8-999de0c35733" providerId="ADAL" clId="{4D0538D6-6934-4281-AA91-B7D95ACD5616}" dt="2024-06-24T05:37:59.728" v="698"/>
          <ac:spMkLst>
            <pc:docMk/>
            <pc:sldMk cId="2395929038" sldId="260"/>
            <ac:spMk id="2" creationId="{C8DB3995-495E-4A81-9F53-F6431B7CA1D5}"/>
          </ac:spMkLst>
        </pc:spChg>
        <pc:spChg chg="mod">
          <ac:chgData name="Samujjal Kalita" userId="89cceb3b-6d71-4615-8ad8-999de0c35733" providerId="ADAL" clId="{4D0538D6-6934-4281-AA91-B7D95ACD5616}" dt="2024-06-24T05:37:59.729" v="700"/>
          <ac:spMkLst>
            <pc:docMk/>
            <pc:sldMk cId="2395929038" sldId="260"/>
            <ac:spMk id="7" creationId="{7FE77A65-E996-44AE-9441-F036CA9C7F50}"/>
          </ac:spMkLst>
        </pc:spChg>
        <pc:spChg chg="mod">
          <ac:chgData name="Samujjal Kalita" userId="89cceb3b-6d71-4615-8ad8-999de0c35733" providerId="ADAL" clId="{4D0538D6-6934-4281-AA91-B7D95ACD5616}" dt="2024-06-24T05:37:59.729" v="702"/>
          <ac:spMkLst>
            <pc:docMk/>
            <pc:sldMk cId="2395929038" sldId="260"/>
            <ac:spMk id="8" creationId="{03273432-CCEE-49D0-AE7F-4852D8AA2151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AC9A062-CE73-4164-9B9D-DE70D824F250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B7CB57-EA62-4702-A8A2-E10C7EFF3C5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23169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297980-6E19-6641-19BE-5F9C0BD9204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3E96F0-0A3D-89BE-C45D-5C019FC2B8B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5D8C4B-4F9A-82DC-55F2-D25D16489F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60C33E-B461-C95F-5A65-4272AB99CD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2E1809-4EA2-8A3D-D0EA-8BED5483B1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3974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30B7F4-1264-9120-F46C-F3537F424A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C1A3E37-D979-B433-D3E6-9C76F4CB860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BEA25C-B74E-DBA1-7511-E07DB97A40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3480BC-866E-0B44-4502-FE38B1E622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A1364E-D4E4-77EF-19F2-6C85EAB5C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80895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30A78A0-D4AC-BAE6-797E-F59DE71AB36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E9E3BC5-F75E-3FBD-EFA7-0C6E70DBEE5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5B850-3FAA-4AAC-90D5-53649930A7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3C92D6-3DE9-2AF5-A977-BE2A004F52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E6D91DD-9FCA-0F28-D125-D2BF76A174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73903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421896-C8BD-61F4-3792-C882B30CA3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2B62F2-FADF-6ADA-755F-EDF7CC26AB8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7DB718-766F-3408-84F2-079B582195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43E3B2-257B-5C8A-B08B-E90FA5369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0FF0C8-9DAC-C710-1171-6B20279689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25966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D4AAA3-B21B-33BA-6C6A-3BD70FA0A7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D137D65-B3EE-18BE-CA66-B8287352F0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959D10-B287-0A33-AAB8-16C7A6F677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F63909-FD64-ED9B-04BB-F66B02CC41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1019ED-668E-88C3-0BC1-1C71CAB621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34670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465769-C1BC-7BD2-E9EC-F7D4213D2B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FB84C9-C68F-BA7C-63B4-0FEE111F540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0D01816-0453-D1E8-92D8-D3C555C5492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215E8C-264B-56FC-11B6-C92004B1DE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BC6718-3727-645C-4E08-4F2FE874AC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12BB2E3-6A95-8ED1-086D-9C2FBEB1D4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00005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1A0D49-EE33-D245-FE08-591EF98F14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7A15F67-FEA7-E028-5507-BA494A08084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77C0AB2-1650-032C-E9CD-EF7B6B8CA8D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31A51A0-A28F-7171-937A-9CCC322262C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C0F8026-30BC-39DC-693F-63176981EC6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1FE8554-CEEE-5BAF-EBDF-A1655C1B5B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F7207BB-DB78-312C-64DD-863ADE8E68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E5BAA9-11D8-7677-8A8F-856BCDF576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18094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B8D547-4F12-B174-8C42-546BBAAA98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0B9BA-AAF5-E31A-ADD9-6E0B2DBAF5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181A27D-E520-4C11-EB61-4A0D9DC5C0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12C6D1-1B5D-EB18-FA57-1B78A2A1C1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79514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4EB536-BCEA-4183-92E1-6B40E9FD7B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27458AC-A7D6-7532-71DC-970189B5AB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AFE9ED-C27A-D45F-7D95-F008CB46F4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6715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7AE18E-6F21-61A9-8F8C-2EF1F9FFA4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ADCE7A-7AC0-D0EA-94BB-43B5946D7E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45FBFE-A76B-D390-3DE2-60D287E7910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F547409-23A6-FC1B-E752-318FB2148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B0F2CF-90F1-C23F-5E6F-144E3411E6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609F167-846B-76CB-9629-7FD35BC1BA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1915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27CFAD-9305-BB99-02EF-EADB123E69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C455F3-5B31-B1AE-91CD-3B82FA6CF1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344DB5E-477F-AF88-529A-1AF1371FD41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E447CB6-B471-183D-6F29-2347782C55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C6A94FE-86CF-9B68-6CD4-2A4A956E77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7DAEF0-1415-D8BB-ED62-EBEE35772C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98511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1C9B7D9-1387-376C-95B6-C5AA7426D7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B701761-9282-74BB-6BE3-4137EAEDCB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DD6C307-5FAD-6BDB-88E6-980EB192D4A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93D895-E709-451E-800C-AD21F622FCFB}" type="datetimeFigureOut">
              <a:rPr lang="en-US" smtClean="0"/>
              <a:t>6/2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B874A82-1AA9-139A-F9F2-68CCE25C998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B93228-A94A-43E8-A8CF-C63679FDE73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747BC6-70E7-481C-A399-AA764034FC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8349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6277CBE-5163-41B5-9631-3846921F74EC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5472113" cy="1081088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indent="0"/>
            <a:r>
              <a:rPr lang="en-US" dirty="0"/>
              <a:t>Agenda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6C88FF4A-0167-4B03-9939-7A3BA38B171E}"/>
              </a:ext>
            </a:extLst>
          </p:cNvPr>
          <p:cNvSpPr txBox="1">
            <a:spLocks/>
          </p:cNvSpPr>
          <p:nvPr/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 lIns="128016"/>
          <a:lstStyle>
            <a:lvl1pPr marL="1800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Aft>
                <a:spcPts val="600"/>
              </a:spcAft>
            </a:pPr>
            <a:r>
              <a:rPr lang="en-US" dirty="0">
                <a:solidFill>
                  <a:schemeClr val="tx2"/>
                </a:solidFill>
                <a:latin typeface="Ericsson Hilda" panose="00000500000000000000" pitchFamily="2" charset="0"/>
              </a:rPr>
              <a:t>Access the Wikipedia link for trillion-dollar economies</a:t>
            </a:r>
          </a:p>
          <a:p>
            <a:pPr>
              <a:spcAft>
                <a:spcPts val="600"/>
              </a:spcAft>
            </a:pPr>
            <a:r>
              <a:rPr lang="en-US" dirty="0">
                <a:solidFill>
                  <a:schemeClr val="tx2"/>
                </a:solidFill>
                <a:latin typeface="Ericsson Hilda" panose="00000500000000000000" pitchFamily="2" charset="0"/>
              </a:rPr>
              <a:t>Web scrap the tables </a:t>
            </a:r>
          </a:p>
          <a:p>
            <a:pPr>
              <a:spcAft>
                <a:spcPts val="600"/>
              </a:spcAft>
            </a:pPr>
            <a:r>
              <a:rPr lang="en-US" dirty="0">
                <a:solidFill>
                  <a:schemeClr val="tx2"/>
                </a:solidFill>
                <a:latin typeface="Ericsson Hilda" panose="00000500000000000000" pitchFamily="2" charset="0"/>
              </a:rPr>
              <a:t>Convert the table information to graphs</a:t>
            </a:r>
          </a:p>
          <a:p>
            <a:pPr>
              <a:spcAft>
                <a:spcPts val="600"/>
              </a:spcAft>
            </a:pPr>
            <a:r>
              <a:rPr lang="en-US" dirty="0">
                <a:solidFill>
                  <a:schemeClr val="tx2"/>
                </a:solidFill>
                <a:latin typeface="Ericsson Hilda" panose="00000500000000000000" pitchFamily="2" charset="0"/>
              </a:rPr>
              <a:t>Bring out the insights using the visualization</a:t>
            </a:r>
          </a:p>
          <a:p>
            <a:pPr>
              <a:spcAft>
                <a:spcPts val="600"/>
              </a:spcAft>
            </a:pPr>
            <a:r>
              <a:rPr lang="en-US" dirty="0">
                <a:solidFill>
                  <a:schemeClr val="tx2"/>
                </a:solidFill>
                <a:latin typeface="Ericsson Hilda" panose="00000500000000000000" pitchFamily="2" charset="0"/>
              </a:rPr>
              <a:t>Make predictions on the data</a:t>
            </a:r>
          </a:p>
          <a:p>
            <a:pPr>
              <a:spcAft>
                <a:spcPts val="600"/>
              </a:spcAft>
            </a:pPr>
            <a:endParaRPr lang="en-US" dirty="0">
              <a:solidFill>
                <a:schemeClr val="tx2"/>
              </a:solidFill>
              <a:latin typeface="Ericsson Hilda" panose="00000500000000000000" pitchFamily="2" charset="0"/>
            </a:endParaRPr>
          </a:p>
        </p:txBody>
      </p:sp>
      <p:pic>
        <p:nvPicPr>
          <p:cNvPr id="17" name="Picture Placeholder 23">
            <a:extLst>
              <a:ext uri="{FF2B5EF4-FFF2-40B4-BE49-F238E27FC236}">
                <a16:creationId xmlns:a16="http://schemas.microsoft.com/office/drawing/2014/main" id="{F66B44B2-2F56-463E-88BA-28D00F6C74F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1" r="20381"/>
          <a:stretch/>
        </p:blipFill>
        <p:spPr>
          <a:xfrm>
            <a:off x="6096000" y="0"/>
            <a:ext cx="6096000" cy="6858000"/>
          </a:xfrm>
          <a:prstGeom prst="rect">
            <a:avLst/>
          </a:prstGeom>
        </p:spPr>
      </p:pic>
      <p:grpSp>
        <p:nvGrpSpPr>
          <p:cNvPr id="18" name="Graphic 25">
            <a:extLst>
              <a:ext uri="{FF2B5EF4-FFF2-40B4-BE49-F238E27FC236}">
                <a16:creationId xmlns:a16="http://schemas.microsoft.com/office/drawing/2014/main" id="{3DC78C40-F0A9-48D6-BCA9-B20B851E0EB1}"/>
              </a:ext>
            </a:extLst>
          </p:cNvPr>
          <p:cNvGrpSpPr>
            <a:grpSpLocks/>
          </p:cNvGrpSpPr>
          <p:nvPr/>
        </p:nvGrpSpPr>
        <p:grpSpPr>
          <a:xfrm>
            <a:off x="11490452" y="476250"/>
            <a:ext cx="256032" cy="256032"/>
            <a:chOff x="11490452" y="476250"/>
            <a:chExt cx="256032" cy="256032"/>
          </a:xfrm>
        </p:grpSpPr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D54E71FB-CEA4-4F9B-A78A-8505F661FA60}"/>
                </a:ext>
              </a:extLst>
            </p:cNvPr>
            <p:cNvSpPr/>
            <p:nvPr/>
          </p:nvSpPr>
          <p:spPr>
            <a:xfrm>
              <a:off x="11523468" y="47601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315A235C-BBFE-4DA5-8E9F-F82C160887F2}"/>
                </a:ext>
              </a:extLst>
            </p:cNvPr>
            <p:cNvSpPr/>
            <p:nvPr/>
          </p:nvSpPr>
          <p:spPr>
            <a:xfrm>
              <a:off x="11523468" y="555861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806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806"/>
                  </a:lnTo>
                  <a:cubicBezTo>
                    <a:pt x="179075" y="46997"/>
                    <a:pt x="184195" y="42325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A85909C4-B02C-4978-9B9C-F4915178A050}"/>
                </a:ext>
              </a:extLst>
            </p:cNvPr>
            <p:cNvSpPr/>
            <p:nvPr/>
          </p:nvSpPr>
          <p:spPr>
            <a:xfrm>
              <a:off x="11523468" y="635743"/>
              <a:ext cx="189784" cy="96652"/>
            </a:xfrm>
            <a:custGeom>
              <a:avLst/>
              <a:gdLst>
                <a:gd name="connsiteX0" fmla="*/ 188452 w 189783"/>
                <a:gd name="connsiteY0" fmla="*/ 17233 h 96652"/>
                <a:gd name="connsiteX1" fmla="*/ 175778 w 189783"/>
                <a:gd name="connsiteY1" fmla="*/ 2640 h 96652"/>
                <a:gd name="connsiteX2" fmla="*/ 151711 w 189783"/>
                <a:gd name="connsiteY2" fmla="*/ 2864 h 96652"/>
                <a:gd name="connsiteX3" fmla="*/ 22319 w 189783"/>
                <a:gd name="connsiteY3" fmla="*/ 46005 h 96652"/>
                <a:gd name="connsiteX4" fmla="*/ 2925 w 189783"/>
                <a:gd name="connsiteY4" fmla="*/ 60279 h 96652"/>
                <a:gd name="connsiteX5" fmla="*/ 1548 w 189783"/>
                <a:gd name="connsiteY5" fmla="*/ 79545 h 96652"/>
                <a:gd name="connsiteX6" fmla="*/ 14222 w 189783"/>
                <a:gd name="connsiteY6" fmla="*/ 94139 h 96652"/>
                <a:gd name="connsiteX7" fmla="*/ 38289 w 189783"/>
                <a:gd name="connsiteY7" fmla="*/ 93915 h 96652"/>
                <a:gd name="connsiteX8" fmla="*/ 167681 w 189783"/>
                <a:gd name="connsiteY8" fmla="*/ 50774 h 96652"/>
                <a:gd name="connsiteX9" fmla="*/ 187076 w 189783"/>
                <a:gd name="connsiteY9" fmla="*/ 36500 h 96652"/>
                <a:gd name="connsiteX10" fmla="*/ 188452 w 189783"/>
                <a:gd name="connsiteY10" fmla="*/ 17233 h 96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89783" h="96652">
                  <a:moveTo>
                    <a:pt x="188452" y="17233"/>
                  </a:moveTo>
                  <a:cubicBezTo>
                    <a:pt x="186243" y="10641"/>
                    <a:pt x="181571" y="5520"/>
                    <a:pt x="175778" y="2640"/>
                  </a:cubicBezTo>
                  <a:cubicBezTo>
                    <a:pt x="170017" y="-241"/>
                    <a:pt x="163105" y="-945"/>
                    <a:pt x="151711" y="2864"/>
                  </a:cubicBezTo>
                  <a:lnTo>
                    <a:pt x="22319" y="46005"/>
                  </a:lnTo>
                  <a:cubicBezTo>
                    <a:pt x="10926" y="49813"/>
                    <a:pt x="5805" y="54486"/>
                    <a:pt x="2925" y="60279"/>
                  </a:cubicBezTo>
                  <a:cubicBezTo>
                    <a:pt x="12" y="66039"/>
                    <a:pt x="-660" y="72920"/>
                    <a:pt x="1548" y="79545"/>
                  </a:cubicBezTo>
                  <a:cubicBezTo>
                    <a:pt x="3757" y="86138"/>
                    <a:pt x="8429" y="91259"/>
                    <a:pt x="14222" y="94139"/>
                  </a:cubicBezTo>
                  <a:cubicBezTo>
                    <a:pt x="19983" y="97019"/>
                    <a:pt x="26896" y="97723"/>
                    <a:pt x="38289" y="93915"/>
                  </a:cubicBezTo>
                  <a:lnTo>
                    <a:pt x="167681" y="50774"/>
                  </a:lnTo>
                  <a:cubicBezTo>
                    <a:pt x="179075" y="46997"/>
                    <a:pt x="184195" y="42293"/>
                    <a:pt x="187076" y="36500"/>
                  </a:cubicBezTo>
                  <a:cubicBezTo>
                    <a:pt x="189988" y="30739"/>
                    <a:pt x="190660" y="23858"/>
                    <a:pt x="188452" y="17233"/>
                  </a:cubicBezTo>
                  <a:close/>
                </a:path>
              </a:pathLst>
            </a:custGeom>
            <a:solidFill>
              <a:srgbClr val="18181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33060925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91FAFE9-8244-20C7-B93A-5AE6C77742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344" y="1181112"/>
            <a:ext cx="5824175" cy="3928617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66CC344-914E-FEAE-8252-EC8831411B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0" y="1181112"/>
            <a:ext cx="5858550" cy="3928617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A7F166E3-3706-C715-EDA3-B751D459C7BD}"/>
              </a:ext>
            </a:extLst>
          </p:cNvPr>
          <p:cNvSpPr txBox="1"/>
          <p:nvPr/>
        </p:nvSpPr>
        <p:spPr>
          <a:xfrm>
            <a:off x="-5584" y="781002"/>
            <a:ext cx="118562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https://en.m.wikipedia.org/wiki/Trillion_dollar_club_(macroeconomics)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17F0DC9-AC78-B261-518F-DB5257A9840B}"/>
              </a:ext>
            </a:extLst>
          </p:cNvPr>
          <p:cNvSpPr txBox="1"/>
          <p:nvPr/>
        </p:nvSpPr>
        <p:spPr>
          <a:xfrm>
            <a:off x="560257" y="5109729"/>
            <a:ext cx="525608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u="sng" dirty="0">
                <a:latin typeface="Ericsson Hilda" panose="00000500000000000000" pitchFamily="2" charset="0"/>
              </a:rPr>
              <a:t>Country’s trillion-dollar milestone reach YoY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270452F-FA59-56FE-9111-A1DAC4B11F91}"/>
              </a:ext>
            </a:extLst>
          </p:cNvPr>
          <p:cNvSpPr txBox="1"/>
          <p:nvPr/>
        </p:nvSpPr>
        <p:spPr>
          <a:xfrm>
            <a:off x="7707559" y="5109729"/>
            <a:ext cx="279390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u="sng" dirty="0">
                <a:latin typeface="Ericsson Hilda" panose="00000500000000000000" pitchFamily="2" charset="0"/>
              </a:rPr>
              <a:t>Country’s Total GDP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98AC763-ECEA-DC75-6E4D-A74F9184DC22}"/>
              </a:ext>
            </a:extLst>
          </p:cNvPr>
          <p:cNvSpPr txBox="1"/>
          <p:nvPr/>
        </p:nvSpPr>
        <p:spPr>
          <a:xfrm>
            <a:off x="-5584" y="76200"/>
            <a:ext cx="1219758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Graphs</a:t>
            </a:r>
          </a:p>
        </p:txBody>
      </p:sp>
    </p:spTree>
    <p:extLst>
      <p:ext uri="{BB962C8B-B14F-4D97-AF65-F5344CB8AC3E}">
        <p14:creationId xmlns:p14="http://schemas.microsoft.com/office/powerpoint/2010/main" val="24561844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147AB853-CDC6-272F-D1C0-036192960B5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156" y="1181112"/>
            <a:ext cx="5858550" cy="3928617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9C7ADFE-282F-E132-6815-F20B71C23C68}"/>
              </a:ext>
            </a:extLst>
          </p:cNvPr>
          <p:cNvSpPr txBox="1"/>
          <p:nvPr/>
        </p:nvSpPr>
        <p:spPr>
          <a:xfrm>
            <a:off x="6096000" y="1252594"/>
            <a:ext cx="6094428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US" sz="1600" b="1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United State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The US reached a US$1 trillion economy in 1969</a:t>
            </a:r>
            <a:r>
              <a:rPr lang="en-US" sz="1600" dirty="0">
                <a:solidFill>
                  <a:srgbClr val="111111"/>
                </a:solidFill>
                <a:latin typeface="Ericsson Hilda" panose="00000500000000000000" pitchFamily="2" charset="0"/>
              </a:rPr>
              <a:t> </a:t>
            </a: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and reached a US$10 trillion economy by 2000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The US economy crossed the US$20 trillion mark in 2018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As of 2024, the US economy is valued at US$25 trillion.</a:t>
            </a:r>
          </a:p>
          <a:p>
            <a:pPr algn="l"/>
            <a:endParaRPr lang="en-US" sz="1600" i="0" dirty="0">
              <a:solidFill>
                <a:srgbClr val="111111"/>
              </a:solidFill>
              <a:effectLst/>
              <a:latin typeface="Ericsson Hilda" panose="00000500000000000000" pitchFamily="2" charset="0"/>
            </a:endParaRPr>
          </a:p>
          <a:p>
            <a:pPr algn="l"/>
            <a:r>
              <a:rPr lang="en-US" sz="1600" b="1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China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China became a US$1 trillion economy in 1998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It reached the US$10 trillion mark in 2014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As of 2023, China’s economy is valued at US$19 trillion.</a:t>
            </a:r>
          </a:p>
          <a:p>
            <a:pPr algn="l"/>
            <a:endParaRPr lang="en-US" sz="1600" i="0" dirty="0">
              <a:solidFill>
                <a:srgbClr val="111111"/>
              </a:solidFill>
              <a:effectLst/>
              <a:latin typeface="Ericsson Hilda" panose="00000500000000000000" pitchFamily="2" charset="0"/>
            </a:endParaRPr>
          </a:p>
          <a:p>
            <a:pPr algn="l"/>
            <a:r>
              <a:rPr lang="en-US" sz="1600" b="1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India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India reached the US$1 trillion mark in 2007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It became a US$2 trillion economy in 2014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As of 2024, India’s economy is valued at US$4 trillion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C420090-8CD7-8BB6-4FAB-4BC26B1F96A6}"/>
              </a:ext>
            </a:extLst>
          </p:cNvPr>
          <p:cNvSpPr txBox="1"/>
          <p:nvPr/>
        </p:nvSpPr>
        <p:spPr>
          <a:xfrm>
            <a:off x="2004343" y="5140507"/>
            <a:ext cx="27939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u="sng" dirty="0">
                <a:latin typeface="Ericsson Hilda" panose="00000500000000000000" pitchFamily="2" charset="0"/>
              </a:rPr>
              <a:t>GDP Growth rat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473379D-5FB1-986A-C3C2-1B382A373101}"/>
              </a:ext>
            </a:extLst>
          </p:cNvPr>
          <p:cNvSpPr txBox="1"/>
          <p:nvPr/>
        </p:nvSpPr>
        <p:spPr>
          <a:xfrm>
            <a:off x="-5584" y="76200"/>
            <a:ext cx="1219758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Graphs and observations</a:t>
            </a:r>
          </a:p>
        </p:txBody>
      </p:sp>
    </p:spTree>
    <p:extLst>
      <p:ext uri="{BB962C8B-B14F-4D97-AF65-F5344CB8AC3E}">
        <p14:creationId xmlns:p14="http://schemas.microsoft.com/office/powerpoint/2010/main" val="24047553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A2F92835-44E1-A90A-7DB4-B4032A24C66D}"/>
              </a:ext>
            </a:extLst>
          </p:cNvPr>
          <p:cNvSpPr txBox="1"/>
          <p:nvPr/>
        </p:nvSpPr>
        <p:spPr>
          <a:xfrm>
            <a:off x="-5584" y="76200"/>
            <a:ext cx="1219758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Graphs and Prediction calculation vs Machine Learning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0085166-209F-88AA-1A0C-88E6F6465E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156" y="1181112"/>
            <a:ext cx="5858550" cy="395939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DCC2B1BA-77BF-32DD-E1D7-A3F6FF323CCE}"/>
              </a:ext>
            </a:extLst>
          </p:cNvPr>
          <p:cNvSpPr txBox="1"/>
          <p:nvPr/>
        </p:nvSpPr>
        <p:spPr>
          <a:xfrm>
            <a:off x="6096000" y="1252594"/>
            <a:ext cx="6094428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US" sz="1600" i="0" dirty="0">
                <a:solidFill>
                  <a:srgbClr val="111111"/>
                </a:solidFill>
                <a:effectLst/>
                <a:latin typeface="Ericsson Hilda" panose="00000500000000000000" pitchFamily="2" charset="0"/>
              </a:rPr>
              <a:t>The prediction values seems not correct , due to not considering India's actual GDP Y0Y </a:t>
            </a:r>
          </a:p>
          <a:p>
            <a:pPr algn="l"/>
            <a:r>
              <a:rPr lang="en-US" sz="1600" dirty="0">
                <a:solidFill>
                  <a:srgbClr val="111111"/>
                </a:solidFill>
                <a:latin typeface="Ericsson Hilda" panose="00000500000000000000" pitchFamily="2" charset="0"/>
              </a:rPr>
              <a:t>Although, global predictions says India will reach </a:t>
            </a:r>
            <a:r>
              <a:rPr lang="en-US" sz="1600">
                <a:solidFill>
                  <a:srgbClr val="111111"/>
                </a:solidFill>
                <a:latin typeface="Ericsson Hilda" panose="00000500000000000000" pitchFamily="2" charset="0"/>
              </a:rPr>
              <a:t>30 Trillion </a:t>
            </a:r>
            <a:endParaRPr lang="en-US" sz="1600" i="0" dirty="0">
              <a:solidFill>
                <a:srgbClr val="111111"/>
              </a:solidFill>
              <a:effectLst/>
              <a:latin typeface="Ericsson Hilda" panose="000005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29854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405943259318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8</TotalTime>
  <Words>223</Words>
  <Application>Microsoft Office PowerPoint</Application>
  <PresentationFormat>Widescreen</PresentationFormat>
  <Paragraphs>2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rial</vt:lpstr>
      <vt:lpstr>Calibri</vt:lpstr>
      <vt:lpstr>Calibri Light</vt:lpstr>
      <vt:lpstr>Ericsson Hilda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mujjal Kalita</dc:creator>
  <cp:lastModifiedBy>Samujjal Kalita</cp:lastModifiedBy>
  <cp:revision>1</cp:revision>
  <dcterms:created xsi:type="dcterms:W3CDTF">2024-06-24T03:53:49Z</dcterms:created>
  <dcterms:modified xsi:type="dcterms:W3CDTF">2024-06-24T06:26:01Z</dcterms:modified>
</cp:coreProperties>
</file>